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78" d="100"/>
          <a:sy n="78" d="100"/>
        </p:scale>
        <p:origin x="850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D14006-F70A-4BB5-AED6-9C0C14869F0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4EBF2C8-A8AC-4DC6-845A-22EE727C6E5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6B20EA-8FAD-4A7C-AA49-CC82CE072A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CC391D-A875-4A2E-A017-2132531411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CC19E5-E506-4008-853B-8BA79BBA26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30708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591948-FD27-4479-BA03-664D46636A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F9456FE-8D86-4809-BBCF-7C418CFEC22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B6EF22A-C275-4C97-9933-FC4215624B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8F0A79E-51EB-4CB0-A318-DC7972BF33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1A9B559-0F17-45E7-ADFA-3E1A9CDA0D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825560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18CBC3C-EA05-49BB-BB0C-73FCCE311C6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86E4B1B-5A5E-4A37-9874-6CCE045FB65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9E8B86A-7739-48E1-A6AF-E2DEA81285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C06405-C024-4350-B251-B057C42CFF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98ACDE-199A-47A7-8847-154FCC1649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90233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E9905F-B204-417D-B236-3F7F90BB34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A8220B-C5F4-4C65-A009-49399789A2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1C46A0-6305-4E8B-85F2-1E05AA169D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1D8765-FA05-48A6-86C5-EFF7C848CC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ECF2AC-AC11-48E3-9B6D-D1EB04FBE2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70441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51DC04-163D-49DE-91E9-BA12D734FE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41D4D8-0D93-4F95-A9A1-0D1553D4369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61CAAB-F792-4B08-AAE4-9566B0899E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4B6252-50C6-4E61-9B50-803C2E91CA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F9178B-EA9A-46DF-AE83-B5BC590309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53347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AE6649-FB49-4401-904E-68E1A7A580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BED2C7-B401-42E7-806C-05742572580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E77E884-96C1-421E-B121-7F0EB758CC5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EB26D6B-BA7A-4CB0-82DA-5BBBEC98C4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E8403A5-BCD9-4747-BBA6-375D98EFAF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727E96-5C96-4856-93EA-3CBE80D91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83776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8DE120-4973-4430-BC95-E4FDFD487A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69BF11A-58D0-4917-BBA1-A97D702A5EA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FDB6D14-155D-49D0-A110-08097F7E6B3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F21D5AE-E3F6-46BF-AA97-52257FA419C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515AB5E-738A-464B-BC67-89953BAEE75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1D254BB-2A19-4F18-BCA0-520244230E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0A3BBD1-A5A9-4AFF-9CD7-E3B5890DCA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42E83E8-5935-4D44-A595-21E9A235F5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735240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9734D1-3DD8-4C6F-8641-B1A429B1A4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E2A9FA2-6B11-46FE-A679-A7D7D1D088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EE3D134-D726-4822-A757-141A63688D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FE5B6E8-6E0A-45FA-9763-EE6E150A2E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697767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D0D4DF2-92AD-4542-BE57-AABE6AD04F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B6B3588-D673-4E70-9537-710276F0A9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AB2FAC-43D6-494C-89EA-954B4E548A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183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017728-4DDD-4D82-BF8F-D679F5C901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20DD7D-7455-410E-9010-CA3DF0A9B5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D43769A-3ABC-4070-8003-C60A728D479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8074E6-A0C6-4780-BEFA-8EF8A81241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8C57828-F4A0-4CF9-9643-01506A70A5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9C67A39-048E-41B6-A53B-7E17BD1943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7986033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0D5EA3-1E4A-4486-A856-0D3E6E1195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859DABE-F6AB-49B4-A726-4C8F5B1E105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A4661EE-B43A-4B19-B784-841965196D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8C369B7-FB0E-4EE7-959D-8AB6638CD0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AECF0C7-3474-45DF-83C8-A40AB1D751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D402442-5BCC-4E57-8156-9C57B22444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0359181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063F7C6-C2C5-4E4D-AEEB-DF2734DA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6AE5AD1-8526-4CE4-9635-8140193E425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780768-5ABB-4E8B-A577-386A976AAD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6CA31F3-DD74-4771-98E0-6764F8F0081C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FF5574-5656-472E-87B8-76B7AC24E80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79D892E-97E1-40A1-B80E-E27AFA42466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25795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" name="OTLSHAPE_T_1f310e4a34b4489ba6d6d8baa2aec67e_LeftVerticalConnector1">
            <a:extLst>
              <a:ext uri="{FF2B5EF4-FFF2-40B4-BE49-F238E27FC236}">
                <a16:creationId xmlns:a16="http://schemas.microsoft.com/office/drawing/2014/main" id="{2DC308C6-493D-4A32-A683-52C68007FE0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320980" y="1933575"/>
            <a:ext cx="0" cy="252412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f310e4a34b4489ba6d6d8baa2aec67e_RightVerticalConnector1">
            <a:extLst>
              <a:ext uri="{FF2B5EF4-FFF2-40B4-BE49-F238E27FC236}">
                <a16:creationId xmlns:a16="http://schemas.microsoft.com/office/drawing/2014/main" id="{667589D5-119F-48A7-9F19-DD2C4E36262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538857" y="1933575"/>
            <a:ext cx="0" cy="796290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f310e4a34b4489ba6d6d8baa2aec67e_RightVerticalConnector2">
            <a:extLst>
              <a:ext uri="{FF2B5EF4-FFF2-40B4-BE49-F238E27FC236}">
                <a16:creationId xmlns:a16="http://schemas.microsoft.com/office/drawing/2014/main" id="{05D08FFA-E2E7-471D-97C8-E16856A1FAD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538857" y="2904490"/>
            <a:ext cx="0" cy="1553210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deffbe1fd0a14a2c8b48f327a942dbb3_RightVerticalConnector1">
            <a:extLst>
              <a:ext uri="{FF2B5EF4-FFF2-40B4-BE49-F238E27FC236}">
                <a16:creationId xmlns:a16="http://schemas.microsoft.com/office/drawing/2014/main" id="{09853ADF-688F-4FDE-8F7B-5EEA6FA95EA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445391" y="1933575"/>
            <a:ext cx="0" cy="66484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deffbe1fd0a14a2c8b48f327a942dbb3_RightVerticalConnector2">
            <a:extLst>
              <a:ext uri="{FF2B5EF4-FFF2-40B4-BE49-F238E27FC236}">
                <a16:creationId xmlns:a16="http://schemas.microsoft.com/office/drawing/2014/main" id="{71735210-6A65-4F5D-A583-2ED834AC374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445391" y="2904490"/>
            <a:ext cx="0" cy="553720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deffbe1fd0a14a2c8b48f327a942dbb3_RightVerticalConnector3">
            <a:extLst>
              <a:ext uri="{FF2B5EF4-FFF2-40B4-BE49-F238E27FC236}">
                <a16:creationId xmlns:a16="http://schemas.microsoft.com/office/drawing/2014/main" id="{F1C29C93-065D-4F89-A072-74F8DF3D7BE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445391" y="3792855"/>
            <a:ext cx="0" cy="66484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125354cf96a64014866671f0ad6e348a_RightVerticalConnector1">
            <a:extLst>
              <a:ext uri="{FF2B5EF4-FFF2-40B4-BE49-F238E27FC236}">
                <a16:creationId xmlns:a16="http://schemas.microsoft.com/office/drawing/2014/main" id="{59FD51C4-905B-4B62-9C86-5FEC4165F1F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663340" y="1933575"/>
            <a:ext cx="0" cy="252412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63290e6337224cb6b06db3387e6fe2b0_Connector1">
            <a:extLst>
              <a:ext uri="{FF2B5EF4-FFF2-40B4-BE49-F238E27FC236}">
                <a16:creationId xmlns:a16="http://schemas.microsoft.com/office/drawing/2014/main" id="{0CC1EBE3-0B5D-48E8-BDF5-77D09195050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431062" y="4838700"/>
            <a:ext cx="0" cy="843872"/>
          </a:xfrm>
          <a:prstGeom prst="line">
            <a:avLst/>
          </a:prstGeom>
          <a:ln w="9525" cap="flat" cmpd="sng" algn="ctr">
            <a:solidFill>
              <a:srgbClr val="A16B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b4909461c22745b9bafd71cfb58d9653_Connector1">
            <a:extLst>
              <a:ext uri="{FF2B5EF4-FFF2-40B4-BE49-F238E27FC236}">
                <a16:creationId xmlns:a16="http://schemas.microsoft.com/office/drawing/2014/main" id="{D5DFA444-9763-4554-841D-D9A3E9077DC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856621" y="4838700"/>
            <a:ext cx="0" cy="527375"/>
          </a:xfrm>
          <a:prstGeom prst="line">
            <a:avLst/>
          </a:prstGeom>
          <a:ln w="9525" cap="flat" cmpd="sng" algn="ctr">
            <a:solidFill>
              <a:srgbClr val="3E451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13faf3e87f30431795b8f33933499205_Connector1">
            <a:extLst>
              <a:ext uri="{FF2B5EF4-FFF2-40B4-BE49-F238E27FC236}">
                <a16:creationId xmlns:a16="http://schemas.microsoft.com/office/drawing/2014/main" id="{BF46825F-6C1E-42A8-B318-29AF1D94BE3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621303" y="4838700"/>
            <a:ext cx="0" cy="527375"/>
          </a:xfrm>
          <a:prstGeom prst="line">
            <a:avLst/>
          </a:prstGeom>
          <a:ln w="9525" cap="flat" cmpd="sng" algn="ctr">
            <a:solidFill>
              <a:srgbClr val="3E451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e3b0d6c8d3ba488fa47a7493dda98459_Connector1">
            <a:extLst>
              <a:ext uri="{FF2B5EF4-FFF2-40B4-BE49-F238E27FC236}">
                <a16:creationId xmlns:a16="http://schemas.microsoft.com/office/drawing/2014/main" id="{CCAF79D3-4C1B-4C61-8FD3-D8C518E6F87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697399" y="4838700"/>
            <a:ext cx="0" cy="991158"/>
          </a:xfrm>
          <a:prstGeom prst="line">
            <a:avLst/>
          </a:prstGeom>
          <a:ln w="9525" cap="flat" cmpd="sng" algn="ctr">
            <a:solidFill>
              <a:srgbClr val="3E451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2818bf36f1cc4d02a4117fe9ea53f5be_Connector1">
            <a:extLst>
              <a:ext uri="{FF2B5EF4-FFF2-40B4-BE49-F238E27FC236}">
                <a16:creationId xmlns:a16="http://schemas.microsoft.com/office/drawing/2014/main" id="{6363EF45-F94F-4E4B-9BE8-92FAC3539BD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195744" y="4838700"/>
            <a:ext cx="0" cy="527375"/>
          </a:xfrm>
          <a:prstGeom prst="line">
            <a:avLst/>
          </a:prstGeom>
          <a:ln w="9525" cap="flat" cmpd="sng" algn="ctr">
            <a:solidFill>
              <a:srgbClr val="A16B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F5327BC-62A4-49D6-9266-67FE06E2CF4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44577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61695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7BB2A0C-C1A6-409A-BED5-FC3A4DC5020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73065" y="45551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rgbClr val="FDFAED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42EF413-133B-450A-B81C-3AF5465BF49A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526333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rgbClr val="FDFAED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F14FF5A1-50D8-4FE2-A608-0C4778F80DF6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979600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rgbClr val="FDFAED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2C0F13EC-B0DE-4D3E-A825-8C4ACF3FD06F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432867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rgbClr val="FDFAED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1E4CB529-A63A-43E3-B81E-D22DAF10927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886134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rgbClr val="FDFAED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1B2F02FA-51BD-4504-BA1D-953DEB91928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339401" y="45551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rgbClr val="FDFAED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AEC72970-3E04-4BC0-8224-6A1FB3274DB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792669" y="45551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rgbClr val="FDFAED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FBD7FD0-7AEB-4A24-8936-BFC40DB1F66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462831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3039ECE6-48BD-4CDB-B3CC-1758757BAFD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916099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0C34043-DBBD-423A-9EF1-1F4958F8F184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369366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27768338-072F-4A16-8C08-EB3EF3EEFDB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822633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21A1B862-19CA-498D-BD8D-F4CC6C0CD76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275900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BB80B5FB-D2C0-4C9F-9BAB-F67A35914E2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729167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_1f310e4a34b4489ba6d6d8baa2aec67e_Shape">
            <a:extLst>
              <a:ext uri="{FF2B5EF4-FFF2-40B4-BE49-F238E27FC236}">
                <a16:creationId xmlns:a16="http://schemas.microsoft.com/office/drawing/2014/main" id="{D47EADF5-D52D-4A4F-91AC-70C5FAA6E0A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320980" y="1793875"/>
            <a:ext cx="3225800" cy="279400"/>
          </a:xfrm>
          <a:prstGeom prst="roundRect">
            <a:avLst>
              <a:gd name="adj" fmla="val 100000"/>
            </a:avLst>
          </a:prstGeom>
          <a:solidFill>
            <a:srgbClr val="FDFAED"/>
          </a:solidFill>
          <a:ln w="9525">
            <a:solidFill>
              <a:srgbClr val="7974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deffbe1fd0a14a2c8b48f327a942dbb3_Shape">
            <a:extLst>
              <a:ext uri="{FF2B5EF4-FFF2-40B4-BE49-F238E27FC236}">
                <a16:creationId xmlns:a16="http://schemas.microsoft.com/office/drawing/2014/main" id="{6C85E36D-3FCB-4DCC-9FFD-572AA886613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538929" y="1793875"/>
            <a:ext cx="2908300" cy="279400"/>
          </a:xfrm>
          <a:prstGeom prst="roundRect">
            <a:avLst>
              <a:gd name="adj" fmla="val 100000"/>
            </a:avLst>
          </a:prstGeom>
          <a:solidFill>
            <a:srgbClr val="FDFAED"/>
          </a:solidFill>
          <a:ln w="9525">
            <a:solidFill>
              <a:srgbClr val="AA8A6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T_125354cf96a64014866671f0ad6e348a_Shape">
            <a:extLst>
              <a:ext uri="{FF2B5EF4-FFF2-40B4-BE49-F238E27FC236}">
                <a16:creationId xmlns:a16="http://schemas.microsoft.com/office/drawing/2014/main" id="{F6059535-D14C-4C2A-9403-BD660796A1E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445463" y="1793875"/>
            <a:ext cx="3225800" cy="279400"/>
          </a:xfrm>
          <a:prstGeom prst="roundRect">
            <a:avLst>
              <a:gd name="adj" fmla="val 100000"/>
            </a:avLst>
          </a:prstGeom>
          <a:solidFill>
            <a:srgbClr val="FDFAED"/>
          </a:solidFill>
          <a:ln w="9525">
            <a:solidFill>
              <a:srgbClr val="538D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T_e25b31ac893a4be7afae4956af9c40d1_Shape">
            <a:extLst>
              <a:ext uri="{FF2B5EF4-FFF2-40B4-BE49-F238E27FC236}">
                <a16:creationId xmlns:a16="http://schemas.microsoft.com/office/drawing/2014/main" id="{D3357798-8D3C-458D-9361-F1067CE114C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528589" y="2331720"/>
            <a:ext cx="18796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_c357894546f24e1a974050b746c082b7_Shape">
            <a:extLst>
              <a:ext uri="{FF2B5EF4-FFF2-40B4-BE49-F238E27FC236}">
                <a16:creationId xmlns:a16="http://schemas.microsoft.com/office/drawing/2014/main" id="{0E977FF5-AB1A-4C6E-B5A5-3B18019F28A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161757" y="2331720"/>
            <a:ext cx="1041400" cy="203200"/>
          </a:xfrm>
          <a:prstGeom prst="roundRect">
            <a:avLst>
              <a:gd name="adj" fmla="val 100000"/>
            </a:avLst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T_5a97f99b39764d22847c50f16e4d66ca_Shape">
            <a:extLst>
              <a:ext uri="{FF2B5EF4-FFF2-40B4-BE49-F238E27FC236}">
                <a16:creationId xmlns:a16="http://schemas.microsoft.com/office/drawing/2014/main" id="{C11A89EB-3D1C-4D26-BED9-D152F298FB7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68292" y="2331720"/>
            <a:ext cx="18796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093c5dd969744a979fa9f22f3b08d52a_Shape">
            <a:extLst>
              <a:ext uri="{FF2B5EF4-FFF2-40B4-BE49-F238E27FC236}">
                <a16:creationId xmlns:a16="http://schemas.microsoft.com/office/drawing/2014/main" id="{7EE7D9B0-D023-4679-A336-44612C92829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981857" y="2729865"/>
            <a:ext cx="17653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_21652946abae4b94a6455262ed3171da_Shape">
            <a:extLst>
              <a:ext uri="{FF2B5EF4-FFF2-40B4-BE49-F238E27FC236}">
                <a16:creationId xmlns:a16="http://schemas.microsoft.com/office/drawing/2014/main" id="{1FEC2211-B09F-4722-B1CA-75ECA375D2A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822634" y="2729865"/>
            <a:ext cx="20828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5bd4d8612ccb4bf98d3f6e2ca8bdd3dc_Shape">
            <a:extLst>
              <a:ext uri="{FF2B5EF4-FFF2-40B4-BE49-F238E27FC236}">
                <a16:creationId xmlns:a16="http://schemas.microsoft.com/office/drawing/2014/main" id="{ADC194DE-7FB2-4109-9B45-EE5628BF11A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424785" y="3191510"/>
            <a:ext cx="22860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95b79694e7704f8799f9b5ff9f8e768e_Shape">
            <a:extLst>
              <a:ext uri="{FF2B5EF4-FFF2-40B4-BE49-F238E27FC236}">
                <a16:creationId xmlns:a16="http://schemas.microsoft.com/office/drawing/2014/main" id="{A6862669-BD14-4D1D-A9EF-60885AF9664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642733" y="3191510"/>
            <a:ext cx="1765300" cy="203200"/>
          </a:xfrm>
          <a:prstGeom prst="roundRect">
            <a:avLst>
              <a:gd name="adj" fmla="val 100000"/>
            </a:avLst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9b5f599c7f5a4d8fbad7a9eae6be576e_Shape">
            <a:extLst>
              <a:ext uri="{FF2B5EF4-FFF2-40B4-BE49-F238E27FC236}">
                <a16:creationId xmlns:a16="http://schemas.microsoft.com/office/drawing/2014/main" id="{0EB73133-71CF-43FE-B0F9-32D518D7AF8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794925" y="3191510"/>
            <a:ext cx="16637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T_bc916c3b9137486b80c3f5ce4f8a84b9_Shape">
            <a:extLst>
              <a:ext uri="{FF2B5EF4-FFF2-40B4-BE49-F238E27FC236}">
                <a16:creationId xmlns:a16="http://schemas.microsoft.com/office/drawing/2014/main" id="{19B778C0-7F1A-485A-B843-D13D43C638E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85661" y="3589655"/>
            <a:ext cx="10414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T_a62f923b81444a1989da92a41161b44a_Shape">
            <a:extLst>
              <a:ext uri="{FF2B5EF4-FFF2-40B4-BE49-F238E27FC236}">
                <a16:creationId xmlns:a16="http://schemas.microsoft.com/office/drawing/2014/main" id="{F83D7496-B707-42DC-86AE-D69E3F8EFC1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888391" y="3589655"/>
            <a:ext cx="1143000" cy="203200"/>
          </a:xfrm>
          <a:prstGeom prst="roundRect">
            <a:avLst>
              <a:gd name="adj" fmla="val 100000"/>
            </a:avLst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" name="OTLSHAPE_T_0108a8c40b72414487ee8904ab640741_Shape">
            <a:extLst>
              <a:ext uri="{FF2B5EF4-FFF2-40B4-BE49-F238E27FC236}">
                <a16:creationId xmlns:a16="http://schemas.microsoft.com/office/drawing/2014/main" id="{EBDA8B25-FC67-4D02-A230-08354F7FB8A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341658" y="3589655"/>
            <a:ext cx="12573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" name="OTLSHAPE_T_62ccbcb167a14716929a0b0805d66b5f_Shape">
            <a:extLst>
              <a:ext uri="{FF2B5EF4-FFF2-40B4-BE49-F238E27FC236}">
                <a16:creationId xmlns:a16="http://schemas.microsoft.com/office/drawing/2014/main" id="{EF617B2F-CC38-4B16-B6EB-061B0E78B1A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943808" y="4051300"/>
            <a:ext cx="1460500" cy="203200"/>
          </a:xfrm>
          <a:prstGeom prst="chevron">
            <a:avLst/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6" name="OTLSHAPE_T_3c934d68999e4394a99af49359b39c6d_Shape">
            <a:extLst>
              <a:ext uri="{FF2B5EF4-FFF2-40B4-BE49-F238E27FC236}">
                <a16:creationId xmlns:a16="http://schemas.microsoft.com/office/drawing/2014/main" id="{758A138A-A5C9-4738-88B0-F7B9225F9ED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746538" y="4051300"/>
            <a:ext cx="1765300" cy="203200"/>
          </a:xfrm>
          <a:prstGeom prst="chevron">
            <a:avLst/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4" name="OTLSHAPE_T_b408e2a948f7418c97bdd14c5279b142_Shape">
            <a:extLst>
              <a:ext uri="{FF2B5EF4-FFF2-40B4-BE49-F238E27FC236}">
                <a16:creationId xmlns:a16="http://schemas.microsoft.com/office/drawing/2014/main" id="{65EAC1FE-0350-4D2C-944E-3FC703FADDF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794925" y="4051300"/>
            <a:ext cx="1562100" cy="203200"/>
          </a:xfrm>
          <a:prstGeom prst="chevron">
            <a:avLst/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7" name="OTLSHAPE_T_1f310e4a34b4489ba6d6d8baa2aec67e_ShapePercentage">
            <a:extLst>
              <a:ext uri="{FF2B5EF4-FFF2-40B4-BE49-F238E27FC236}">
                <a16:creationId xmlns:a16="http://schemas.microsoft.com/office/drawing/2014/main" id="{FA10F16C-DC3D-42B9-8788-10014F543CE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320980" y="1793875"/>
            <a:ext cx="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deffbe1fd0a14a2c8b48f327a942dbb3_ShapePercentage">
            <a:extLst>
              <a:ext uri="{FF2B5EF4-FFF2-40B4-BE49-F238E27FC236}">
                <a16:creationId xmlns:a16="http://schemas.microsoft.com/office/drawing/2014/main" id="{2BFBCED3-A50D-4899-AB86-E8EA409D637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538929" y="1793875"/>
            <a:ext cx="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T_125354cf96a64014866671f0ad6e348a_ShapePercentage">
            <a:extLst>
              <a:ext uri="{FF2B5EF4-FFF2-40B4-BE49-F238E27FC236}">
                <a16:creationId xmlns:a16="http://schemas.microsoft.com/office/drawing/2014/main" id="{7534FCF6-C655-4F0A-86D7-E75638EA3F0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445463" y="1793875"/>
            <a:ext cx="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e25b31ac893a4be7afae4956af9c40d1_ShapePercentage">
            <a:extLst>
              <a:ext uri="{FF2B5EF4-FFF2-40B4-BE49-F238E27FC236}">
                <a16:creationId xmlns:a16="http://schemas.microsoft.com/office/drawing/2014/main" id="{484C358D-0C5C-495A-B44A-B1E42924BC3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528589" y="233172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c357894546f24e1a974050b746c082b7_ShapePercentage">
            <a:extLst>
              <a:ext uri="{FF2B5EF4-FFF2-40B4-BE49-F238E27FC236}">
                <a16:creationId xmlns:a16="http://schemas.microsoft.com/office/drawing/2014/main" id="{DCF821CC-1F16-445D-B5C6-60F8671765F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161757" y="233172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T_5a97f99b39764d22847c50f16e4d66ca_ShapePercentage">
            <a:extLst>
              <a:ext uri="{FF2B5EF4-FFF2-40B4-BE49-F238E27FC236}">
                <a16:creationId xmlns:a16="http://schemas.microsoft.com/office/drawing/2014/main" id="{688A61DB-0CAB-4BD6-8172-90C30D054E3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068292" y="233172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_093c5dd969744a979fa9f22f3b08d52a_ShapePercentage">
            <a:extLst>
              <a:ext uri="{FF2B5EF4-FFF2-40B4-BE49-F238E27FC236}">
                <a16:creationId xmlns:a16="http://schemas.microsoft.com/office/drawing/2014/main" id="{3BB0E742-50B0-42FE-BE74-AFE9BEAEE41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981857" y="272986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21652946abae4b94a6455262ed3171da_ShapePercentage">
            <a:extLst>
              <a:ext uri="{FF2B5EF4-FFF2-40B4-BE49-F238E27FC236}">
                <a16:creationId xmlns:a16="http://schemas.microsoft.com/office/drawing/2014/main" id="{27824C01-7A65-4C53-9B2F-FADD5CF0EFD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822634" y="272986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5bd4d8612ccb4bf98d3f6e2ca8bdd3dc_ShapePercentage">
            <a:extLst>
              <a:ext uri="{FF2B5EF4-FFF2-40B4-BE49-F238E27FC236}">
                <a16:creationId xmlns:a16="http://schemas.microsoft.com/office/drawing/2014/main" id="{F67F70B2-8D2E-4CA8-B25B-721C96A7634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424785" y="319151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95b79694e7704f8799f9b5ff9f8e768e_ShapePercentage">
            <a:extLst>
              <a:ext uri="{FF2B5EF4-FFF2-40B4-BE49-F238E27FC236}">
                <a16:creationId xmlns:a16="http://schemas.microsoft.com/office/drawing/2014/main" id="{D9B653C8-6310-4A0A-A0EB-53AEC301141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642733" y="319151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9b5f599c7f5a4d8fbad7a9eae6be576e_ShapePercentage">
            <a:extLst>
              <a:ext uri="{FF2B5EF4-FFF2-40B4-BE49-F238E27FC236}">
                <a16:creationId xmlns:a16="http://schemas.microsoft.com/office/drawing/2014/main" id="{C91DF422-1C48-4149-9DF7-B22C3961DB9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794925" y="319151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" name="OTLSHAPE_T_bc916c3b9137486b80c3f5ce4f8a84b9_ShapePercentage">
            <a:extLst>
              <a:ext uri="{FF2B5EF4-FFF2-40B4-BE49-F238E27FC236}">
                <a16:creationId xmlns:a16="http://schemas.microsoft.com/office/drawing/2014/main" id="{0704AC68-CE42-438F-9715-2876BDCE999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085661" y="358965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a62f923b81444a1989da92a41161b44a_ShapePercentage">
            <a:extLst>
              <a:ext uri="{FF2B5EF4-FFF2-40B4-BE49-F238E27FC236}">
                <a16:creationId xmlns:a16="http://schemas.microsoft.com/office/drawing/2014/main" id="{3B841493-6222-48AB-B4DB-920D4947E964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888391" y="358965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T_0108a8c40b72414487ee8904ab640741_ShapePercentage">
            <a:extLst>
              <a:ext uri="{FF2B5EF4-FFF2-40B4-BE49-F238E27FC236}">
                <a16:creationId xmlns:a16="http://schemas.microsoft.com/office/drawing/2014/main" id="{50293D81-F1E8-4DD3-92D7-A6757E07BCE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341658" y="358965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_62ccbcb167a14716929a0b0805d66b5f_ShapePercentage">
            <a:extLst>
              <a:ext uri="{FF2B5EF4-FFF2-40B4-BE49-F238E27FC236}">
                <a16:creationId xmlns:a16="http://schemas.microsoft.com/office/drawing/2014/main" id="{30F71D1C-5258-4092-9CC9-0C767682E0D0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943808" y="4051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7" name="OTLSHAPE_T_3c934d68999e4394a99af49359b39c6d_ShapePercentage">
            <a:extLst>
              <a:ext uri="{FF2B5EF4-FFF2-40B4-BE49-F238E27FC236}">
                <a16:creationId xmlns:a16="http://schemas.microsoft.com/office/drawing/2014/main" id="{C2652765-91F4-4C6A-8719-86CED7196F3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746538" y="4051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5" name="OTLSHAPE_T_b408e2a948f7418c97bdd14c5279b142_ShapePercentage">
            <a:extLst>
              <a:ext uri="{FF2B5EF4-FFF2-40B4-BE49-F238E27FC236}">
                <a16:creationId xmlns:a16="http://schemas.microsoft.com/office/drawing/2014/main" id="{E429344A-6359-447B-89F9-F62D4A74E0C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794925" y="4051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2" name="OTLSHAPE_T_1f310e4a34b4489ba6d6d8baa2aec67e_Title">
            <a:extLst>
              <a:ext uri="{FF2B5EF4-FFF2-40B4-BE49-F238E27FC236}">
                <a16:creationId xmlns:a16="http://schemas.microsoft.com/office/drawing/2014/main" id="{038349D9-76A1-42A1-A48E-162F4FE131A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343728" y="1853248"/>
            <a:ext cx="1181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8D873C"/>
                </a:solidFill>
                <a:latin typeface="Arial" panose="020B0604020202020204" pitchFamily="34" charset="0"/>
              </a:rPr>
              <a:t>January Calendar</a:t>
            </a:r>
          </a:p>
        </p:txBody>
      </p:sp>
      <p:sp>
        <p:nvSpPr>
          <p:cNvPr id="70" name="OTLSHAPE_T_deffbe1fd0a14a2c8b48f327a942dbb3_Title">
            <a:extLst>
              <a:ext uri="{FF2B5EF4-FFF2-40B4-BE49-F238E27FC236}">
                <a16:creationId xmlns:a16="http://schemas.microsoft.com/office/drawing/2014/main" id="{3628EFF5-708F-4DAE-ADAA-C961C608558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374961" y="1853248"/>
            <a:ext cx="12446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rgbClr val="AA8A67"/>
                </a:solidFill>
                <a:latin typeface="Arial" panose="020B0604020202020204" pitchFamily="34" charset="0"/>
              </a:rPr>
              <a:t>February Calendar</a:t>
            </a:r>
          </a:p>
        </p:txBody>
      </p:sp>
      <p:sp>
        <p:nvSpPr>
          <p:cNvPr id="78" name="OTLSHAPE_T_125354cf96a64014866671f0ad6e348a_Title">
            <a:extLst>
              <a:ext uri="{FF2B5EF4-FFF2-40B4-BE49-F238E27FC236}">
                <a16:creationId xmlns:a16="http://schemas.microsoft.com/office/drawing/2014/main" id="{3B9AA0EB-F0A3-4762-8F34-37470FC9913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530379" y="1853248"/>
            <a:ext cx="1054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577E98"/>
                </a:solidFill>
                <a:latin typeface="Arial" panose="020B0604020202020204" pitchFamily="34" charset="0"/>
              </a:rPr>
              <a:t>March Calendar</a:t>
            </a:r>
          </a:p>
        </p:txBody>
      </p:sp>
      <p:sp>
        <p:nvSpPr>
          <p:cNvPr id="85" name="OTLSHAPE_T_e25b31ac893a4be7afae4956af9c40d1_JoinedDate">
            <a:extLst>
              <a:ext uri="{FF2B5EF4-FFF2-40B4-BE49-F238E27FC236}">
                <a16:creationId xmlns:a16="http://schemas.microsoft.com/office/drawing/2014/main" id="{BD37E4E5-EB59-4A02-B8E7-15275D178CD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528589" y="2200275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3 - Jan 20</a:t>
            </a:r>
          </a:p>
        </p:txBody>
      </p:sp>
      <p:sp>
        <p:nvSpPr>
          <p:cNvPr id="86" name="OTLSHAPE_T_e25b31ac893a4be7afae4956af9c40d1_Title">
            <a:extLst>
              <a:ext uri="{FF2B5EF4-FFF2-40B4-BE49-F238E27FC236}">
                <a16:creationId xmlns:a16="http://schemas.microsoft.com/office/drawing/2014/main" id="{E2142199-520D-4724-9C04-1F0E2867F1E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616955" y="2360295"/>
            <a:ext cx="1701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FDFAED"/>
                </a:solidFill>
                <a:latin typeface="Arial" panose="020B0604020202020204" pitchFamily="34" charset="0"/>
              </a:rPr>
              <a:t>Post: Planning with Templates</a:t>
            </a:r>
          </a:p>
        </p:txBody>
      </p:sp>
      <p:sp>
        <p:nvSpPr>
          <p:cNvPr id="93" name="OTLSHAPE_T_c357894546f24e1a974050b746c082b7_JoinedDate">
            <a:extLst>
              <a:ext uri="{FF2B5EF4-FFF2-40B4-BE49-F238E27FC236}">
                <a16:creationId xmlns:a16="http://schemas.microsoft.com/office/drawing/2014/main" id="{8C140E42-C15A-4621-A0EF-0DBFA74F18D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161757" y="220027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7 - Feb 16</a:t>
            </a:r>
          </a:p>
        </p:txBody>
      </p:sp>
      <p:sp>
        <p:nvSpPr>
          <p:cNvPr id="94" name="OTLSHAPE_T_c357894546f24e1a974050b746c082b7_Title">
            <a:extLst>
              <a:ext uri="{FF2B5EF4-FFF2-40B4-BE49-F238E27FC236}">
                <a16:creationId xmlns:a16="http://schemas.microsoft.com/office/drawing/2014/main" id="{16352E4C-38A4-4383-B68D-748B1B1069E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366632" y="2360295"/>
            <a:ext cx="635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68563A"/>
                </a:solidFill>
                <a:latin typeface="Arial" panose="020B0604020202020204" pitchFamily="34" charset="0"/>
              </a:rPr>
              <a:t>Infographic</a:t>
            </a:r>
          </a:p>
        </p:txBody>
      </p:sp>
      <p:sp>
        <p:nvSpPr>
          <p:cNvPr id="101" name="OTLSHAPE_T_5a97f99b39764d22847c50f16e4d66ca_JoinedDate">
            <a:extLst>
              <a:ext uri="{FF2B5EF4-FFF2-40B4-BE49-F238E27FC236}">
                <a16:creationId xmlns:a16="http://schemas.microsoft.com/office/drawing/2014/main" id="{EABEA181-753A-4709-A73E-384A7D23B24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068292" y="220027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Mar 7 - Mar 24</a:t>
            </a:r>
          </a:p>
        </p:txBody>
      </p:sp>
      <p:sp>
        <p:nvSpPr>
          <p:cNvPr id="102" name="OTLSHAPE_T_5a97f99b39764d22847c50f16e4d66ca_Title">
            <a:extLst>
              <a:ext uri="{FF2B5EF4-FFF2-40B4-BE49-F238E27FC236}">
                <a16:creationId xmlns:a16="http://schemas.microsoft.com/office/drawing/2014/main" id="{FDDC9A22-C0A8-4993-8809-FCBFB98CB10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159028" y="2360295"/>
            <a:ext cx="1689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FDFAED"/>
                </a:solidFill>
                <a:latin typeface="Arial" panose="020B0604020202020204" pitchFamily="34" charset="0"/>
              </a:rPr>
              <a:t>SEO article: Content Planning</a:t>
            </a:r>
          </a:p>
        </p:txBody>
      </p:sp>
      <p:sp>
        <p:nvSpPr>
          <p:cNvPr id="109" name="OTLSHAPE_T_093c5dd969744a979fa9f22f3b08d52a_JoinedDate">
            <a:extLst>
              <a:ext uri="{FF2B5EF4-FFF2-40B4-BE49-F238E27FC236}">
                <a16:creationId xmlns:a16="http://schemas.microsoft.com/office/drawing/2014/main" id="{D1717C22-B587-4B08-89AF-DC6D0F47CFD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981857" y="2598420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17 - Feb 2</a:t>
            </a:r>
          </a:p>
        </p:txBody>
      </p:sp>
      <p:sp>
        <p:nvSpPr>
          <p:cNvPr id="110" name="OTLSHAPE_T_093c5dd969744a979fa9f22f3b08d52a_Title">
            <a:extLst>
              <a:ext uri="{FF2B5EF4-FFF2-40B4-BE49-F238E27FC236}">
                <a16:creationId xmlns:a16="http://schemas.microsoft.com/office/drawing/2014/main" id="{0A6D57CE-9060-4D68-977C-CA519922049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048991" y="2758440"/>
            <a:ext cx="1638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FDFAED"/>
                </a:solidFill>
                <a:latin typeface="Arial" panose="020B0604020202020204" pitchFamily="34" charset="0"/>
              </a:rPr>
              <a:t>Guest post: Status Reporting</a:t>
            </a:r>
          </a:p>
        </p:txBody>
      </p:sp>
      <p:sp>
        <p:nvSpPr>
          <p:cNvPr id="117" name="OTLSHAPE_T_21652946abae4b94a6455262ed3171da_JoinedDate">
            <a:extLst>
              <a:ext uri="{FF2B5EF4-FFF2-40B4-BE49-F238E27FC236}">
                <a16:creationId xmlns:a16="http://schemas.microsoft.com/office/drawing/2014/main" id="{654BBACC-4414-4C44-9905-102DCD6AB70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822634" y="2598420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23 - Mar 14</a:t>
            </a:r>
          </a:p>
        </p:txBody>
      </p:sp>
      <p:sp>
        <p:nvSpPr>
          <p:cNvPr id="118" name="OTLSHAPE_T_21652946abae4b94a6455262ed3171da_Title">
            <a:extLst>
              <a:ext uri="{FF2B5EF4-FFF2-40B4-BE49-F238E27FC236}">
                <a16:creationId xmlns:a16="http://schemas.microsoft.com/office/drawing/2014/main" id="{B599EB0F-BF38-44EF-926F-5B557DA47F8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939600" y="2758440"/>
            <a:ext cx="1854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FDFAED"/>
                </a:solidFill>
                <a:latin typeface="Arial" panose="020B0604020202020204" pitchFamily="34" charset="0"/>
              </a:rPr>
              <a:t>Blog Category: Gantt Charts 101</a:t>
            </a:r>
          </a:p>
        </p:txBody>
      </p:sp>
      <p:sp>
        <p:nvSpPr>
          <p:cNvPr id="125" name="OTLSHAPE_T_5bd4d8612ccb4bf98d3f6e2ca8bdd3dc_JoinedDate">
            <a:extLst>
              <a:ext uri="{FF2B5EF4-FFF2-40B4-BE49-F238E27FC236}">
                <a16:creationId xmlns:a16="http://schemas.microsoft.com/office/drawing/2014/main" id="{457F0B7A-BD30-45BE-9691-06C9E8B12C0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424785" y="3060065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2 - Jan 23</a:t>
            </a:r>
          </a:p>
        </p:txBody>
      </p:sp>
      <p:sp>
        <p:nvSpPr>
          <p:cNvPr id="126" name="OTLSHAPE_T_5bd4d8612ccb4bf98d3f6e2ca8bdd3dc_Title">
            <a:extLst>
              <a:ext uri="{FF2B5EF4-FFF2-40B4-BE49-F238E27FC236}">
                <a16:creationId xmlns:a16="http://schemas.microsoft.com/office/drawing/2014/main" id="{E7DE7343-EE2B-449A-8371-BFA0D345716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502024" y="3220085"/>
            <a:ext cx="2133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>
                <a:solidFill>
                  <a:srgbClr val="FDFAED"/>
                </a:solidFill>
                <a:latin typeface="Arial" panose="020B0604020202020204" pitchFamily="34" charset="0"/>
              </a:rPr>
              <a:t>Branch: Visual Planning for Marketers</a:t>
            </a:r>
          </a:p>
        </p:txBody>
      </p:sp>
      <p:sp>
        <p:nvSpPr>
          <p:cNvPr id="133" name="OTLSHAPE_T_95b79694e7704f8799f9b5ff9f8e768e_JoinedDate">
            <a:extLst>
              <a:ext uri="{FF2B5EF4-FFF2-40B4-BE49-F238E27FC236}">
                <a16:creationId xmlns:a16="http://schemas.microsoft.com/office/drawing/2014/main" id="{ED10B3BD-D34A-4393-A18C-6B262BF7EC0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642733" y="306006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2 - Feb 18</a:t>
            </a:r>
          </a:p>
        </p:txBody>
      </p:sp>
      <p:sp>
        <p:nvSpPr>
          <p:cNvPr id="134" name="OTLSHAPE_T_95b79694e7704f8799f9b5ff9f8e768e_Title">
            <a:extLst>
              <a:ext uri="{FF2B5EF4-FFF2-40B4-BE49-F238E27FC236}">
                <a16:creationId xmlns:a16="http://schemas.microsoft.com/office/drawing/2014/main" id="{201820A4-55F1-44C6-8DD1-C185762964A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734506" y="3220085"/>
            <a:ext cx="1600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68563A"/>
                </a:solidFill>
                <a:latin typeface="Arial" panose="020B0604020202020204" pitchFamily="34" charset="0"/>
              </a:rPr>
              <a:t>Template: Content Calendar</a:t>
            </a:r>
          </a:p>
        </p:txBody>
      </p:sp>
      <p:sp>
        <p:nvSpPr>
          <p:cNvPr id="141" name="OTLSHAPE_T_9b5f599c7f5a4d8fbad7a9eae6be576e_JoinedDate">
            <a:extLst>
              <a:ext uri="{FF2B5EF4-FFF2-40B4-BE49-F238E27FC236}">
                <a16:creationId xmlns:a16="http://schemas.microsoft.com/office/drawing/2014/main" id="{FD078701-A86A-409E-BA39-FCCE1660DC6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794925" y="3060065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Mar 14 - Mar 29</a:t>
            </a:r>
          </a:p>
        </p:txBody>
      </p:sp>
      <p:sp>
        <p:nvSpPr>
          <p:cNvPr id="142" name="OTLSHAPE_T_9b5f599c7f5a4d8fbad7a9eae6be576e_Title">
            <a:extLst>
              <a:ext uri="{FF2B5EF4-FFF2-40B4-BE49-F238E27FC236}">
                <a16:creationId xmlns:a16="http://schemas.microsoft.com/office/drawing/2014/main" id="{5B84B74D-0635-4FA2-894E-5EE1A238EFB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871286" y="3220085"/>
            <a:ext cx="1511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FDFAED"/>
                </a:solidFill>
                <a:latin typeface="Arial" panose="020B0604020202020204" pitchFamily="34" charset="0"/>
              </a:rPr>
              <a:t>Branch: Task Management</a:t>
            </a:r>
          </a:p>
        </p:txBody>
      </p:sp>
      <p:sp>
        <p:nvSpPr>
          <p:cNvPr id="149" name="OTLSHAPE_T_bc916c3b9137486b80c3f5ce4f8a84b9_JoinedDate">
            <a:extLst>
              <a:ext uri="{FF2B5EF4-FFF2-40B4-BE49-F238E27FC236}">
                <a16:creationId xmlns:a16="http://schemas.microsoft.com/office/drawing/2014/main" id="{AD2E47E4-DBB6-40A9-9157-56E7E7EB299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085661" y="3458210"/>
            <a:ext cx="800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18 - Jan 27</a:t>
            </a:r>
          </a:p>
        </p:txBody>
      </p:sp>
      <p:sp>
        <p:nvSpPr>
          <p:cNvPr id="150" name="OTLSHAPE_T_bc916c3b9137486b80c3f5ce4f8a84b9_Title">
            <a:extLst>
              <a:ext uri="{FF2B5EF4-FFF2-40B4-BE49-F238E27FC236}">
                <a16:creationId xmlns:a16="http://schemas.microsoft.com/office/drawing/2014/main" id="{B319D2FA-F258-4913-BA1C-0E49219CCB5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219945" y="3618230"/>
            <a:ext cx="774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FDFAED"/>
                </a:solidFill>
                <a:latin typeface="Arial" panose="020B0604020202020204" pitchFamily="34" charset="0"/>
              </a:rPr>
              <a:t>Product Page</a:t>
            </a:r>
          </a:p>
        </p:txBody>
      </p:sp>
      <p:sp>
        <p:nvSpPr>
          <p:cNvPr id="157" name="OTLSHAPE_T_a62f923b81444a1989da92a41161b44a_JoinedDate">
            <a:extLst>
              <a:ext uri="{FF2B5EF4-FFF2-40B4-BE49-F238E27FC236}">
                <a16:creationId xmlns:a16="http://schemas.microsoft.com/office/drawing/2014/main" id="{682BAE16-CE0F-48A5-8F20-BE6BC42FDAB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888391" y="3458210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14 - Feb 24</a:t>
            </a:r>
          </a:p>
        </p:txBody>
      </p:sp>
      <p:sp>
        <p:nvSpPr>
          <p:cNvPr id="158" name="OTLSHAPE_T_a62f923b81444a1989da92a41161b44a_Title">
            <a:extLst>
              <a:ext uri="{FF2B5EF4-FFF2-40B4-BE49-F238E27FC236}">
                <a16:creationId xmlns:a16="http://schemas.microsoft.com/office/drawing/2014/main" id="{702FB773-E545-43C1-B944-D8E8524D5F5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975771" y="3618230"/>
            <a:ext cx="977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68563A"/>
                </a:solidFill>
                <a:latin typeface="Arial" panose="020B0604020202020204" pitchFamily="34" charset="0"/>
              </a:rPr>
              <a:t>Testimonial Page</a:t>
            </a:r>
          </a:p>
        </p:txBody>
      </p:sp>
      <p:sp>
        <p:nvSpPr>
          <p:cNvPr id="165" name="OTLSHAPE_T_0108a8c40b72414487ee8904ab640741_JoinedDate">
            <a:extLst>
              <a:ext uri="{FF2B5EF4-FFF2-40B4-BE49-F238E27FC236}">
                <a16:creationId xmlns:a16="http://schemas.microsoft.com/office/drawing/2014/main" id="{6D107D06-F73A-415A-8F56-673E2948432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341658" y="3458210"/>
            <a:ext cx="812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61695B"/>
                </a:solidFill>
                <a:latin typeface="Arial" panose="020B0604020202020204" pitchFamily="34" charset="0"/>
              </a:rPr>
              <a:t>Feb 28 - Mar 11</a:t>
            </a:r>
          </a:p>
        </p:txBody>
      </p:sp>
      <p:sp>
        <p:nvSpPr>
          <p:cNvPr id="166" name="OTLSHAPE_T_0108a8c40b72414487ee8904ab640741_Title">
            <a:extLst>
              <a:ext uri="{FF2B5EF4-FFF2-40B4-BE49-F238E27FC236}">
                <a16:creationId xmlns:a16="http://schemas.microsoft.com/office/drawing/2014/main" id="{F1D3FE17-D0AC-49DB-A745-C3B2DA33D3B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470336" y="3618230"/>
            <a:ext cx="990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>
                <a:solidFill>
                  <a:srgbClr val="FDFAED"/>
                </a:solidFill>
                <a:latin typeface="Arial" panose="020B0604020202020204" pitchFamily="34" charset="0"/>
              </a:rPr>
              <a:t>Case Study Page</a:t>
            </a:r>
          </a:p>
        </p:txBody>
      </p:sp>
      <p:sp>
        <p:nvSpPr>
          <p:cNvPr id="173" name="OTLSHAPE_T_62ccbcb167a14716929a0b0805d66b5f_JoinedDate">
            <a:extLst>
              <a:ext uri="{FF2B5EF4-FFF2-40B4-BE49-F238E27FC236}">
                <a16:creationId xmlns:a16="http://schemas.microsoft.com/office/drawing/2014/main" id="{900F9F20-509C-41CC-8713-05A88D95C60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43808" y="3919855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7 - Jan 20</a:t>
            </a:r>
          </a:p>
        </p:txBody>
      </p:sp>
      <p:sp>
        <p:nvSpPr>
          <p:cNvPr id="174" name="OTLSHAPE_T_62ccbcb167a14716929a0b0805d66b5f_Title">
            <a:extLst>
              <a:ext uri="{FF2B5EF4-FFF2-40B4-BE49-F238E27FC236}">
                <a16:creationId xmlns:a16="http://schemas.microsoft.com/office/drawing/2014/main" id="{8EBA3F50-92C8-4509-9B23-59E8E3C16C4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177519" y="4079875"/>
            <a:ext cx="990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FDFAED"/>
                </a:solidFill>
                <a:latin typeface="Arial" panose="020B0604020202020204" pitchFamily="34" charset="0"/>
              </a:rPr>
              <a:t>Quick Start Video</a:t>
            </a:r>
          </a:p>
        </p:txBody>
      </p:sp>
      <p:sp>
        <p:nvSpPr>
          <p:cNvPr id="181" name="OTLSHAPE_T_3c934d68999e4394a99af49359b39c6d_JoinedDate">
            <a:extLst>
              <a:ext uri="{FF2B5EF4-FFF2-40B4-BE49-F238E27FC236}">
                <a16:creationId xmlns:a16="http://schemas.microsoft.com/office/drawing/2014/main" id="{A8FC5586-9CF0-4501-885D-105C04D4DE2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746538" y="391985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3 - Feb 19</a:t>
            </a:r>
          </a:p>
        </p:txBody>
      </p:sp>
      <p:sp>
        <p:nvSpPr>
          <p:cNvPr id="182" name="OTLSHAPE_T_3c934d68999e4394a99af49359b39c6d_Title">
            <a:extLst>
              <a:ext uri="{FF2B5EF4-FFF2-40B4-BE49-F238E27FC236}">
                <a16:creationId xmlns:a16="http://schemas.microsoft.com/office/drawing/2014/main" id="{5E417602-8EBF-4731-A3F1-0020C420EE9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873595" y="4079875"/>
            <a:ext cx="1511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68563A"/>
                </a:solidFill>
                <a:latin typeface="Arial" panose="020B0604020202020204" pitchFamily="34" charset="0"/>
              </a:rPr>
              <a:t>KB Article: Assigning users</a:t>
            </a:r>
          </a:p>
        </p:txBody>
      </p:sp>
      <p:sp>
        <p:nvSpPr>
          <p:cNvPr id="189" name="OTLSHAPE_T_b408e2a948f7418c97bdd14c5279b142_JoinedDate">
            <a:extLst>
              <a:ext uri="{FF2B5EF4-FFF2-40B4-BE49-F238E27FC236}">
                <a16:creationId xmlns:a16="http://schemas.microsoft.com/office/drawing/2014/main" id="{27D1A8B5-D60D-4482-9E3C-08A70DC1880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794925" y="3919855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Mar 14 - Mar 28</a:t>
            </a:r>
          </a:p>
        </p:txBody>
      </p:sp>
      <p:sp>
        <p:nvSpPr>
          <p:cNvPr id="190" name="OTLSHAPE_T_b408e2a948f7418c97bdd14c5279b142_Title">
            <a:extLst>
              <a:ext uri="{FF2B5EF4-FFF2-40B4-BE49-F238E27FC236}">
                <a16:creationId xmlns:a16="http://schemas.microsoft.com/office/drawing/2014/main" id="{D3D40684-B9C4-4CBA-8E70-BF85E0F37B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942913" y="4079875"/>
            <a:ext cx="1270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FDFAED"/>
                </a:solidFill>
                <a:latin typeface="Arial" panose="020B0604020202020204" pitchFamily="34" charset="0"/>
              </a:rPr>
              <a:t>Webinar for Beginners</a:t>
            </a:r>
          </a:p>
        </p:txBody>
      </p:sp>
      <p:sp>
        <p:nvSpPr>
          <p:cNvPr id="40" name="OTLSHAPE_M_63290e6337224cb6b06db3387e6fe2b0_Shape">
            <a:extLst>
              <a:ext uri="{FF2B5EF4-FFF2-40B4-BE49-F238E27FC236}">
                <a16:creationId xmlns:a16="http://schemas.microsoft.com/office/drawing/2014/main" id="{4DA69E9B-D517-42EE-865D-2F8422F83D1F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1456462" y="5517473"/>
            <a:ext cx="165100" cy="165100"/>
          </a:xfrm>
          <a:prstGeom prst="wave">
            <a:avLst/>
          </a:prstGeom>
          <a:solidFill>
            <a:srgbClr val="A16B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M_d4ee796514534b92b3865a02c5dc671d_Shape">
            <a:extLst>
              <a:ext uri="{FF2B5EF4-FFF2-40B4-BE49-F238E27FC236}">
                <a16:creationId xmlns:a16="http://schemas.microsoft.com/office/drawing/2014/main" id="{4B5281BE-3EC2-4FEF-A075-451CB3D405DD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0536340" y="4775200"/>
            <a:ext cx="254000" cy="254000"/>
          </a:xfrm>
          <a:prstGeom prst="ellipse">
            <a:avLst/>
          </a:prstGeom>
          <a:solidFill>
            <a:srgbClr val="A16B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M_63290e6337224cb6b06db3387e6fe2b0_Title">
            <a:extLst>
              <a:ext uri="{FF2B5EF4-FFF2-40B4-BE49-F238E27FC236}">
                <a16:creationId xmlns:a16="http://schemas.microsoft.com/office/drawing/2014/main" id="{21F072B5-84FE-4C7C-B392-BD3829009DA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653312" y="5635307"/>
            <a:ext cx="12954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u="sng" spc="-8" dirty="0">
                <a:solidFill>
                  <a:srgbClr val="A16B35"/>
                </a:solidFill>
                <a:latin typeface="Arial" panose="020B0604020202020204" pitchFamily="34" charset="0"/>
              </a:rPr>
              <a:t>Review Q1 Calendar</a:t>
            </a:r>
          </a:p>
        </p:txBody>
      </p:sp>
      <p:sp>
        <p:nvSpPr>
          <p:cNvPr id="39" name="OTLSHAPE_M_63290e6337224cb6b06db3387e6fe2b0_Date">
            <a:extLst>
              <a:ext uri="{FF2B5EF4-FFF2-40B4-BE49-F238E27FC236}">
                <a16:creationId xmlns:a16="http://schemas.microsoft.com/office/drawing/2014/main" id="{050574FE-A989-4A5F-8501-78AA146D9F7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653312" y="545488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A16B35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41" name="OTLSHAPE_M_d4ee796514534b92b3865a02c5dc671d_Title">
            <a:extLst>
              <a:ext uri="{FF2B5EF4-FFF2-40B4-BE49-F238E27FC236}">
                <a16:creationId xmlns:a16="http://schemas.microsoft.com/office/drawing/2014/main" id="{66BC209F-6B7C-4371-8B92-CA839EA33ED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987784" y="5211445"/>
            <a:ext cx="1358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rgbClr val="3E451F"/>
                </a:solidFill>
                <a:latin typeface="Arial" panose="020B0604020202020204" pitchFamily="34" charset="0"/>
              </a:rPr>
              <a:t>Approve Q2 Calendar</a:t>
            </a:r>
          </a:p>
        </p:txBody>
      </p:sp>
      <p:sp>
        <p:nvSpPr>
          <p:cNvPr id="42" name="OTLSHAPE_M_d4ee796514534b92b3865a02c5dc671d_Date">
            <a:extLst>
              <a:ext uri="{FF2B5EF4-FFF2-40B4-BE49-F238E27FC236}">
                <a16:creationId xmlns:a16="http://schemas.microsoft.com/office/drawing/2014/main" id="{663BB348-9B6F-4624-BDD9-CFC2ADFD500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485455" y="5054600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rgbClr val="3E451F"/>
                </a:solidFill>
                <a:latin typeface="Arial" panose="020B0604020202020204" pitchFamily="34" charset="0"/>
              </a:rPr>
              <a:t>Mar 31</a:t>
            </a:r>
          </a:p>
        </p:txBody>
      </p:sp>
      <p:sp>
        <p:nvSpPr>
          <p:cNvPr id="44" name="OTLSHAPE_M_b4909461c22745b9bafd71cfb58d9653_Title">
            <a:extLst>
              <a:ext uri="{FF2B5EF4-FFF2-40B4-BE49-F238E27FC236}">
                <a16:creationId xmlns:a16="http://schemas.microsoft.com/office/drawing/2014/main" id="{F3B3575E-5793-4EC5-9AA9-8F461688EAB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901071" y="5235025"/>
            <a:ext cx="11938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>
                <a:solidFill>
                  <a:srgbClr val="3E451F"/>
                </a:solidFill>
                <a:latin typeface="Arial" panose="020B0604020202020204" pitchFamily="34" charset="0"/>
              </a:rPr>
              <a:t>Publish Guest Post</a:t>
            </a:r>
          </a:p>
        </p:txBody>
      </p:sp>
      <p:sp>
        <p:nvSpPr>
          <p:cNvPr id="45" name="OTLSHAPE_M_b4909461c22745b9bafd71cfb58d9653_Date">
            <a:extLst>
              <a:ext uri="{FF2B5EF4-FFF2-40B4-BE49-F238E27FC236}">
                <a16:creationId xmlns:a16="http://schemas.microsoft.com/office/drawing/2014/main" id="{3B2FE70B-3568-4C28-8599-918589F4A0B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901071" y="50546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3E451F"/>
                </a:solidFill>
                <a:latin typeface="Calibri" panose="020F0502020204030204" pitchFamily="34" charset="0"/>
              </a:rPr>
              <a:t>Feb 3</a:t>
            </a:r>
          </a:p>
        </p:txBody>
      </p:sp>
      <p:sp>
        <p:nvSpPr>
          <p:cNvPr id="47" name="OTLSHAPE_M_13faf3e87f30431795b8f33933499205_Title">
            <a:extLst>
              <a:ext uri="{FF2B5EF4-FFF2-40B4-BE49-F238E27FC236}">
                <a16:creationId xmlns:a16="http://schemas.microsoft.com/office/drawing/2014/main" id="{AA82F795-40FC-4A95-92B2-12F8502325D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665753" y="5235025"/>
            <a:ext cx="1104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10">
                <a:solidFill>
                  <a:srgbClr val="3E451F"/>
                </a:solidFill>
                <a:latin typeface="Arial" panose="020B0604020202020204" pitchFamily="34" charset="0"/>
              </a:rPr>
              <a:t>Publish KB Article</a:t>
            </a:r>
          </a:p>
        </p:txBody>
      </p:sp>
      <p:sp>
        <p:nvSpPr>
          <p:cNvPr id="48" name="OTLSHAPE_M_13faf3e87f30431795b8f33933499205_Date">
            <a:extLst>
              <a:ext uri="{FF2B5EF4-FFF2-40B4-BE49-F238E27FC236}">
                <a16:creationId xmlns:a16="http://schemas.microsoft.com/office/drawing/2014/main" id="{392D7563-A3B3-4FE7-AB08-36BEB55686C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665753" y="50546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3E451F"/>
                </a:solidFill>
                <a:latin typeface="Calibri" panose="020F0502020204030204" pitchFamily="34" charset="0"/>
              </a:rPr>
              <a:t>Feb 20</a:t>
            </a:r>
          </a:p>
        </p:txBody>
      </p:sp>
      <p:sp>
        <p:nvSpPr>
          <p:cNvPr id="50" name="OTLSHAPE_M_e3b0d6c8d3ba488fa47a7493dda98459_Title">
            <a:extLst>
              <a:ext uri="{FF2B5EF4-FFF2-40B4-BE49-F238E27FC236}">
                <a16:creationId xmlns:a16="http://schemas.microsoft.com/office/drawing/2014/main" id="{245F7C50-AA79-4C67-A301-F96A186A200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741849" y="5698807"/>
            <a:ext cx="12192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rgbClr val="3E451F"/>
                </a:solidFill>
                <a:latin typeface="Arial" panose="020B0604020202020204" pitchFamily="34" charset="0"/>
              </a:rPr>
              <a:t>Publish Case Study</a:t>
            </a:r>
          </a:p>
        </p:txBody>
      </p:sp>
      <p:sp>
        <p:nvSpPr>
          <p:cNvPr id="51" name="OTLSHAPE_M_e3b0d6c8d3ba488fa47a7493dda98459_Date">
            <a:extLst>
              <a:ext uri="{FF2B5EF4-FFF2-40B4-BE49-F238E27FC236}">
                <a16:creationId xmlns:a16="http://schemas.microsoft.com/office/drawing/2014/main" id="{BAD247CF-156C-4009-8417-1D27DF588C9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741849" y="551838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3E451F"/>
                </a:solidFill>
                <a:latin typeface="Calibri" panose="020F0502020204030204" pitchFamily="34" charset="0"/>
              </a:rPr>
              <a:t>Mar 12</a:t>
            </a:r>
          </a:p>
        </p:txBody>
      </p:sp>
      <p:sp>
        <p:nvSpPr>
          <p:cNvPr id="53" name="OTLSHAPE_M_2818bf36f1cc4d02a4117fe9ea53f5be_Title">
            <a:extLst>
              <a:ext uri="{FF2B5EF4-FFF2-40B4-BE49-F238E27FC236}">
                <a16:creationId xmlns:a16="http://schemas.microsoft.com/office/drawing/2014/main" id="{D570C596-37F5-4C09-ACCB-01C77DDF786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240194" y="5235025"/>
            <a:ext cx="8636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u="sng" spc="-12">
                <a:solidFill>
                  <a:srgbClr val="A16B35"/>
                </a:solidFill>
                <a:latin typeface="Arial" panose="020B0604020202020204" pitchFamily="34" charset="0"/>
              </a:rPr>
              <a:t>Publish Video</a:t>
            </a:r>
          </a:p>
        </p:txBody>
      </p:sp>
      <p:sp>
        <p:nvSpPr>
          <p:cNvPr id="54" name="OTLSHAPE_M_2818bf36f1cc4d02a4117fe9ea53f5be_Date">
            <a:extLst>
              <a:ext uri="{FF2B5EF4-FFF2-40B4-BE49-F238E27FC236}">
                <a16:creationId xmlns:a16="http://schemas.microsoft.com/office/drawing/2014/main" id="{9A036368-5A18-461D-988A-98D9C1AC782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240194" y="50546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A16B35"/>
                </a:solidFill>
                <a:latin typeface="Calibri" panose="020F0502020204030204" pitchFamily="34" charset="0"/>
              </a:rPr>
              <a:t>Jan 18</a:t>
            </a:r>
          </a:p>
        </p:txBody>
      </p:sp>
      <p:sp>
        <p:nvSpPr>
          <p:cNvPr id="192" name="Title 1">
            <a:extLst>
              <a:ext uri="{FF2B5EF4-FFF2-40B4-BE49-F238E27FC236}">
                <a16:creationId xmlns:a16="http://schemas.microsoft.com/office/drawing/2014/main" id="{7B4C08A8-383B-4DE1-BF95-284B4BD36AE0}"/>
              </a:ext>
            </a:extLst>
          </p:cNvPr>
          <p:cNvSpPr txBox="1">
            <a:spLocks/>
          </p:cNvSpPr>
          <p:nvPr/>
        </p:nvSpPr>
        <p:spPr>
          <a:xfrm>
            <a:off x="831977" y="264776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rgbClr val="3E451F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Content Calendar</a:t>
            </a:r>
          </a:p>
        </p:txBody>
      </p:sp>
      <p:pic>
        <p:nvPicPr>
          <p:cNvPr id="194" name="Picture 193" descr="Icon&#10;&#10;Description automatically generated">
            <a:extLst>
              <a:ext uri="{FF2B5EF4-FFF2-40B4-BE49-F238E27FC236}">
                <a16:creationId xmlns:a16="http://schemas.microsoft.com/office/drawing/2014/main" id="{71DB76D9-F839-B717-12FC-7044B355D557}"/>
              </a:ext>
            </a:extLst>
          </p:cNvPr>
          <p:cNvPicPr>
            <a:picLocks noChangeAspect="1"/>
          </p:cNvPicPr>
          <p:nvPr/>
        </p:nvPicPr>
        <p:blipFill>
          <a:blip r:embed="rId10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-202705" y="3036380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05612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S4wMC4wMS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EzLCJTaGFwZVN0eWxlIjp7IiRpZCI6IjI2IiwiTWFyZ2luIjp7IiRpZCI6IjI3IiwiVG9wIjowLjAsIkxlZnQiOjEwLjAsIlJpZ2h0IjoxMC4wLCJCb3R0b20iOjAuMH0sIlBhZGRpbmciOnsiJGlkIjoiMjgiLCJUb3AiOjUuMCwiTGVmdCI6MTMuMCwiUmlnaHQiOjEzLjAsIkJvdHRvbSI6NS4wfSwiQmFja2dyb3VuZCI6eyIkaWQiOiIyOSIsIkNvbG9yIjp7IiRpZCI6IjMwIiwiQSI6MjU1LCJSIjo5NywiRyI6MTA1LCJCIjo5MX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cmVmIjoiMTY2In19LCJJc1Zpc2libGUiOmZhbHNlLCJXaWR0aCI6MC4wLCJIZWlnaHQiOjAuMCwiQm9yZGVyU3R5bGUiOm51bGwsIlBhcmVudFN0eWxlIjpudWxsfSwiRGF0ZUZvcm1hdCI6eyIkaWQiOiIxO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ciLCJEYXRlUGFydElzVmlzaWJsZSI6ZmFsc2UsIlRpbWVQYXJ0SXNWaXNpYmxlIjpmYWxzZX19LCJXZWVrTnVtYmVyaW5nIjp7IiRpZCI6IjE5OCIsIkZvcm1hdCI6MCwiSXNWaXNpYmxlIjpmYWxzZSwiTGFzdEtub3duVmlzaWJpbGl0eVN0YXRlIjpmYWxzZX0sIklzVmlzaWJsZSI6dHJ1ZSwiUGFyZW50U3R5bGUiOm51bGwsIl9leHBsaWNpdGx5U2V0Ijp7IiRpZCI6IjE5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DAiLCJUaXRsZVBvc2l0aW9uIjoiUmlnaHQiLCJEYXRlUG9zaXRpb24iOiJMZWZ0IiwiU2hhcGVUeXBlIjoxLCJTaGFwZVNpemUiOjEsIlNwYWNpbmciOjUsIlNoYXBl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jIxIiwiVG9wIjowLjAsIkxlZnQiOjAuMCwiUmlnaHQiOjAuMCwiQm90dG9tIjowLjB9LCJQYWRkaW5nIjp7IiRpZCI6IjIyMiIsIlRvcCI6MC4wLCJMZWZ0IjowLjAsIlJpZ2h0IjowLjAsIkJvdHRvbSI6MC4wfSwiQmFja2dyb3VuZCI6eyIkaWQiOiIyMjMiLCJDb2xvciI6eyIkaWQiOiIyMjQiLCJBIjo4OSwiUiI6MCwiRyI6MCwiQiI6MH19LCJJc1Zpc2libGUiOnRydWUsIldpZHRoIjowLjAsIkhlaWdodCI6MC4wLCJCb3JkZXJTdHlsZSI6bnVsbCwiUGFyZW50U3R5bGUiOm51bGx9LCJEYXRlRm9ybWF0Ijp7IiRpZCI6IjI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GlkIjoiMzA3IiwiQ29sb3IiOnsiJGlkIjoiMzA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zQ1IiwiVG9wIjowLjAsIkxlZnQiOjAuMCwiUmlnaHQiOjAuMCwiQm90dG9tIjowLjB9LCJQYWRkaW5nIjp7IiRpZCI6IjM0NiIsIlRvcCI6MC4wLCJMZWZ0IjowLjAsIlJpZ2h0IjowLjAsIkJvdHRvbSI6MC4wfSwiQmFja2dyb3VuZCI6eyIkaWQiOiIzNDciLCJDb2xvciI6eyIkcmVmIjoiMzEyIn19LCJJc1Zpc2libGUiOnRydWUsIldpZHRoIjowLjAsIkhlaWdodCI6MC4wLCJCb3JkZXJTdHlsZSI6bnVsbCwiUGFyZW50U3R5bGUiOm51bGx9LCJEYXRlRm9ybWF0Ijp7IiRpZCI6IjM0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OSIsIkRhdGVQYXJ0SXNWaXNpYmxlIjpmYWxzZSwiVGltZVBhcnRJc1Zpc2libGUiOmZhbHNlfX0sIldlZWtOdW1iZXJpbmciOnsiJGlkIjoiMzUwIiwiRm9ybWF0IjowLCJJc1Zpc2libGUiOmZhbHNlLCJMYXN0S25vd25WaXNpYmlsaXR5U3RhdGUiOmZhbHNlfSwiSXNWaXNpYmxlIjp0cnVlLCJQYXJlbnRTdHlsZSI6bnVsbCwiX2V4cGxpY2l0bHlTZXQiOnsiJGlkIjoiMzU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zc4IiwiVG9wIjowLjAsIkxlZnQiOjAuMCwiUmlnaHQiOjAuMCwiQm90dG9tIjowLjB9LCJQYWRkaW5nIjp7IiRpZCI6IjM3OSIsIlRvcCI6MC4wLCJMZWZ0IjowLjAsIlJpZ2h0IjowLjAsIkJvdHRvbSI6MC4wfSwiQmFja2dyb3VuZCI6eyIkaWQiOiIzODAiLCJDb2xvciI6eyIkcmVmIjoiMzczIn19LCJJc1Zpc2libGUiOnRydWUsIldpZHRoIjowLjAsIkhlaWdodCI6MC4wLCJCb3JkZXJTdHlsZSI6bnVsbCwiUGFyZW50U3R5bGUiOm51bGx9LCJEYXRlRm9ybWF0Ijp7IiRpZCI6IjM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pZCI6IjM5OCIsIkNvbG9yIjp7IiRpZCI6IjM5OSIsIkEiOjg5LCJSIjowLCJHIjowLCJCIjowfX0sIklzVmlzaWJsZSI6dHJ1ZSwiV2lkdGgiOjAuMCwiSGVpZ2h0IjowLjAsIkJvcmRlclN0eWxlIjpudWxs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GlkIjoiNDAz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ODksIlIiOjAsIkciOjAsIkIiOjB9fSwiSXNWaXNpYmxlIjp0cnVlLCJXaWR0aCI6MC4wLCJIZWlnaHQiOjAuMCwiQm9yZGVyU3R5bGUiOm51bGwsIlBhcmVudFN0eWxlIjpudWxsfSwiRGF0ZUZvcm1hdCI6eyIkaWQiOiI0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UaXRsZVN0eWxlIjp7IiRpZCI6IjQ2MyIsIkZvbnRTZXR0aW5ncyI6eyIkaWQiOiI0NjQiLCJGb250U2l6ZSI6MTEsIkZvbnROYW1lIjoiQXJpYWwiLCJJc0JvbGQiOmZhbHNlLCJJc0l0YWxpYyI6ZmFsc2UsIklzVW5kZXJsaW5lZCI6dHJ1ZSwiUGFyZW50U3R5bGUiOm51bGx9LCJBdXRvU2l6ZSI6MCwiRm9yZWdyb3VuZCI6eyIkaWQiOiI0NjUiLCJDb2xvciI6eyIkaWQiOiI0NjYiLCJBIjoyNTUsIlIiOjE2MSwiRyI6MTA3LCJCIjo1M319LCJNYXhXaWR0aCI6MjAwLjA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UZvcm1hdCI6eyIkaWQiOiI0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ksIkZvbnROYW1lIjoiQXJpYWwiLCJJc0JvbGQiOmZhbHNlLCJJc0l0YWxpYyI6ZmFsc2UsIklzVW5kZXJsaW5lZCI6ZmFsc2UsIlBhcmVudFN0eWxlIjpudWxsfSwiQXV0b1NpemUiOjAsIkZvcmVncm91bmQiOnsiJGlkIjoiNTEyIiwiQ29sb3IiOnsiJGlkIjoiNTEzIiwiQSI6MjU1LCJSIjo2MiwiRyI6NjksIkIiOjMxfX0sIk1heFdpZHRoIjoyMDAuMCwiTWF4SGVpZ2h0IjoiSW5maW5pdHkiLCJTbWFydEZvcmVncm91bmRJc0FjdGl2ZSI6ZmFsc2UsIkhvcml6b250YWxBbGlnbm1lbnQiOjE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3MjMiLCJUb3AiOjAuMCwiTGVmdCI6MC4wLCJSaWdodCI6MC4wLCJCb3R0b20iOjAuMH0sIlBhZGRpbmciOnsiJGlkIjoiNzI0IiwiVG9wIjowLjAsIkxlZnQiOjAuMCwiUmlnaHQiOjAuMCwiQm90dG9tIjowLjB9LCJCYWNrZ3JvdW5kIjp7IiRpZCI6IjcyNSIsIkNvbG9yIjp7IiRyZWYiOiI2OTQifX0sIklzVmlzaWJsZSI6ZmFsc2UsIldpZHRoIjowLjAsIkhlaWdodCI6MC4wLCJCb3JkZXJTdHlsZSI6eyIkaWQiOiI3MjYiLCJMaW5lQ29sb3IiOm51bGwsIkxpbmVXZWlnaHQiOjAuMCwiTGluZVR5cGUiOjAsIlBhcmVudFN0eWxlIjpudWxsfSwiUGFyZW50U3R5bGUiOm51bGx9LCJEYXRlRm9ybWF0Ijp7IiRpZCI6Ijc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3NzkiLCJUb3AiOjAuMCwiTGVmdCI6MC4wLCJSaWdodCI6MC4wLCJCb3R0b20iOjAuMH0sIlBhZGRpbmciOnsiJGlkIjoiNzgwIiwiVG9wIjowLjAsIkxlZnQiOjAuMCwiUmlnaHQiOjAuMCwiQm90dG9tIjowLjB9LCJCYWNrZ3JvdW5kIjp7IiRpZCI6Ijc4MSIsIkNvbG9yIjp7IiRyZWYiOiI3NTAifX0sIklzVmlzaWJsZSI6ZmFsc2UsIldpZHRoIjowLjAsIkhlaWdodCI6MC4wLCJCb3JkZXJTdHlsZSI6eyIkaWQiOiI3ODIiLCJMaW5lQ29sb3IiOm51bGwsIkxpbmVXZWlnaHQiOjAuMCwiTGluZVR5cGUiOjAsIlBhcmVudFN0eWxlIjpudWxsfSwiUGFyZW50U3R5bGUiOm51bGx9LCJEYXRlRm9ybWF0Ijp7IiRpZCI6Ijc4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pZCI6IjgzNyIsIkNvbG9yIjp7IiRyZWYiOiI4MDYifX0sIklzVmlzaWJsZSI6ZmFsc2UsIldpZHRoIjowLjAsIkhlaWdodCI6MC4wLCJCb3JkZXJTdHlsZSI6eyIkaWQiOiI4MzgiLCJMaW5lQ29sb3IiOm51bGwsIkxpbmVXZWlnaHQiOjAuMCwiTGluZVR5cGUiOjAsIlBhcmVudFN0eWxlIjpudWxsfSwiUGFyZW50U3R5bGUiOm51bGx9LCJEYXRlRm9ybWF0Ijp7IiRpZCI6Ijg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7IiRpZCI6IjEwMDciLCJDb2xvciI6eyIkaWQiOiIxMDA4IiwiQSI6MCwiUiI6MjU1LCJHIjoyNTUsIkIiOjI1NX19LCJJc1Zpc2libGUiOnRydWUsIldpZHRoIjowLjAsIkhlaWdodCI6MC4wLCJCb3JkZXJTdHlsZSI6eyIkaWQiOiIxMDA5IiwiTGluZUNvbG9yIjpudWxsLCJMaW5lV2VpZ2h0IjowLjAsIkxpbmVUeXBlIjowLCJQYXJlbnRTdHlsZSI6bnVsbH0sIlBhcmVudFN0eWxlIjpudWxsfSwiRGF0ZUZvcm1hdCI6eyIkaWQiOiIxMDE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aWQiOiIxMDY1IiwiQSI6MCwiUiI6MjU1LCJHIjoyNTUsIkIiOjI1NX19LCJJc1Zpc2libGUiOnRydWUsIldpZHRoIjowLjAsIkhlaWdodCI6MC4wLCJCb3JkZXJTdHlsZSI6eyIkaWQiOiIxMDY2IiwiTGluZUNvbG9yIjpudWxsLCJMaW5lV2VpZ2h0IjowLjAsIkxpbmVUeXBlIjowLCJQYXJlbnRTdHlsZSI6bnVsbH0sIlBhcmVudFN0eWxlIjpudWxsfSwiRGF0ZUZvcm1hdCI6eyIkaWQiOiIxMDY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EwOTgiLCJNYXJnaW4iOnsiJGlkIjoiMTA5OSIsIlRvcCI6MC4wLCJMZWZ0Ijo0LjAsIlJpZ2h0Ijo0LjAsIkJvdHRvbSI6MC4wfSwiUGFkZGluZyI6eyIkaWQiOiIxMTAwIiwiVG9wIjowLjAsIkxlZnQiOjAuMCwiUmlnaHQiOjAuMCwiQm90dG9tIjowLjB9LCJCYWNrZ3JvdW5kIjp7IiRpZCI6IjExMDEiLCJDb2xvciI6eyIkaWQiOiIxMTAyIiwiQSI6MjU1LCJSIjoxMDksIkciOjE1OCwiQiI6MTg5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CwiRm9udE5hbWUiOiJBcmlhbCIsIklzQm9sZCI6ZmFsc2UsIklzSXRhbGljIjpmYWxzZSwiSXNVbmRlcmxpbmVkIjpmYWxzZSwiUGFyZW50U3R5bGUiOm51bGx9LCJBdXRvU2l6ZSI6MCwiRm9yZWdyb3VuZCI6eyIkaWQiOiIxMTA4IiwiQ29sb3IiOnsiJGlkIjoiMTEwOS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wLCJSIjoyNTUsIkciOjI1NSwiQiI6MjU1fX0sIklzVmlzaWJsZSI6dHJ1ZSwiV2lkdGgiOjAuMCwiSGVpZ2h0IjowLjAsIkJvcmRlclN0eWxlIjp7IiRpZCI6IjExMjMiLCJMaW5lQ29sb3IiOm51bGwsIkxpbmVXZWlnaHQiOjAuMCwiTGluZVR5cGUiOjAsIlBhcmVudFN0eWxlIjpudWxsfSwiUGFyZW50U3R5bGUiOm51bGx9LCJEYXRlRm9ybWF0Ijp7IiRpZCI6IjExM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pZCI6IjEzNDkiLCJDb2xvciI6eyIkaWQiOiIxMzUwIiwiQSI6MCwiUiI6MjU1LCJHIjoyNTUsIkIiOjI1NX19LCJJc1Zpc2libGUiOnRydWUsIldpZHRoIjowLjAsIkhlaWdodCI6MC4wLCJCb3JkZXJTdHlsZSI6eyIkaWQiOiIxMzUxIiwiTGluZUNvbG9yIjpudWxsLCJMaW5lV2VpZ2h0IjowLjAsIkxpbmVUeXBlIjowLCJQYXJlbnRTdHlsZSI6bnVsbH0sIlBhcmVudFN0eWxlIjpudWxsfSwiRGF0ZUZvcm1hdCI6eyIkaWQiOiIxMz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NjEsXCJHXCI6MTA3LFwiQlwiOjUz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N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zLFwiR1wiOjI1MCxcIkJcIjoyMzd9fSxcIkhvcml6b250YWxBbGlnbm1lbnRcIjowLFwiSXNWaXNpYmxlXCI6dHJ1ZX0sXCJTaGFwZVN0eWxlXCI6e1wiJGlkXCI6XCIyOFwiLFwiTWFyZ2luXCI6e1wiJGlkXCI6XCIyOVwiLFwiVG9wXCI6MC4wLFwiTGVmdFwiOjEwLjAsXCJSaWdodFwiOjEwLjAsXCJCb3R0b21cIjowLjB9LFwiUGFkZGluZ1wiOntcIiRpZFwiOlwiMzBcIixcIlRvcFwiOjUuMCxcIkxlZnRcIjoxMy4wLFwiUmlnaHRcIjoxMy4wLFwiQm90dG9tXCI6NS4wfSxcIkJhY2tncm91bmRcIjp7XCIkaWRcIjpcIjMxXCIsXCJDb2xvclwiOntcIiRpZFwiOlwiMzJcIixcIkFcIjoyNTUsXCJSXCI6OTcsXCJHXCI6MTA1LFwiQlwiOjkx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IsXCJTaGFwZVRoaWNrbmVzc1wiOjI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4LFwiR1wiOjIzNixcIkJcIjoyMjV9fSxcIkhvcml6b250YWxBbGlnbm1lbnRcIjow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ksXCJGb250TmFtZVwiOlwiQXJpYWxcIixcIklzQm9sZFwiOmZhbHNlLFwiSXNJdGFsaWNcIjpmYWxzZSxcIklzVW5kZXJsaW5lZFwiOmZhbHNlfSxcIkZvcmVncm91bmRcIjp7XCIkaWRcIjpcIjU0XCIsXCJDb2xvclwiOntcIiRpZFwiOlwiNTVcIixcIkFcIjoyNTUsXCJSXCI6MTY1LFwiR1wiOjQ4LFwiQlwiOjE1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TUzLFwiR1wiOjE0MCxcIkJcIjoxMzJ9fSxcIkxpbmVXZWlnaHRcIjoxLjAsXCJMaW5lVHlwZVwiOjB9LFwiSXNWaXNpYmxlXCI6dHJ1ZX0sXCJNYXJnaW5cIjp7XCIkaWRcIjpcIjY0XCIsXCJUb3BcIjowLjAsXCJMZWZ0XCI6MC4wLFwiUmlnaHRcIjowLjAsXCJCb3R0b21cIjowLjB9LFwiU3RhcnREYXRlUG9zaXRpb25cIjowLFwiRW5kRGF0ZVBvc2l0aW9uXCI6MCxcIlRpdGxlUG9zaXRpb25cIjoyLFwiRHVyYXRpb25Qb3NpdGlvblwiOjAsXCJQZXJjZW50YWdlQ29tcGxldGVkUG9zaXRpb25cIjoyLFwiU3BhY2luZ1wiOjU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MyxcIkdcIjoyNTAsXCJCXCI6MjM3fX0sXCJJc1Zpc2libGVcIjp0cnVlLFwiV2lkdGhcIjowLjAsXCJIZWlnaHRcIjoyM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2MSxcIkdcIjoxMDcsXCJCXCI6NTN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BcmlhbFwiLFwiSXNCb2xkXCI6ZmFsc2UsXCJJc0l0YWxpY1wiOmZhbHNlLFwiSXNVbmRlcmxpbmVkXCI6ZmFsc2V9LFwiRm9yZWdyb3VuZFwiOntcIiRpZFwiOlwiOTdcIixcIkNvbG9yXCI6e1wiJGlkXCI6XCI5OFwiLFwiQVwiOjI1NSxcIlJcIjoxNjEsXCJHXCI6MTA3LFwiQlwiOjUz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2MSxcIkdcIjoxMDcsXCJCXCI6NTN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OSxcIlNoYXBlU2l6ZVwiOjEsXCJEZXRhaWxzU3BhY2luZ1wiOjI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YxLFwiR1wiOjEwNyxcIkJcIjo1M3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FyaWFsXCIsXCJJc0JvbGRcIjpmYWxzZSxcIklzSXRhbGljXCI6ZmFsc2UsXCJJc1VuZGVybGluZWRcIjpmYWxzZX0sXCJGb3JlZ3JvdW5kXCI6e1wiJGlkXCI6XCIxMThcIixcIkNvbG9yXCI6e1wiJGlkXCI6XCIxMTlcIixcIkFcIjoyNTUsXCJSXCI6MTYxLFwiR1wiOjEwNyxcIkJcIjo1M3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MTYxLFwiR1wiOjEwNyxcIkJcIjo1M319LFwiSG9yaXpvbnRhbEFsaWdubWVudFwiOjA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ZDU0NmVjNjgtMzRmNi00OGQyLWJkZTQtZTczMmY3MGU4ZjZh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UzLFwiR1wiOjI1MCxcIkJcIjoyMzd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UzLFwiR1wiOjI1MCxcIkJcIjoyMzd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MyxcIkdcIjoyNTAsXCJCXCI6MjM3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1MyxcIkdcIjoyNTAsXCJCXCI6MjM3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MyxcIkdcIjoyNTAsXCJCXCI6MjM3fX0sXCJJc1Zpc2libGVcIjp0cnVlLFwiV2lkdGhcIjoxOC4wLFwiSGVpZ2h0XCI6MjA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FyaWFsXCIsXCJJc0JvbGRcIjpmYWxzZSxcIklzSXRhbGljXCI6ZmFsc2UsXCJJc1VuZGVybGluZWRcIjpmYWxzZX0sXCJGb3JlZ3JvdW5kXCI6e1wiJGlkXCI6XCIxODZcIixcIkNvbG9yXCI6e1wiJGlkXCI6XCIxODdcIixcIkFcIjoyNTUsXCJSXCI6OTIsXCJHXCI6ODUsXCJCXCI6NzN9fSxcIkhvcml6b250YWxBbGlnbm1lbnRcIjox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UwLFwiR1wiOjUwLFwiQlwiOjUw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I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OCxcIkdcIjoyMzYsXCJCXCI6MjI1fX0sXCJIb3Jpem9udGFsQWxpZ25tZW50XCI6MS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ksXCJGb250TmFtZVwiOlwiQXJpYWxcIixcIklzQm9sZFwiOmZhbHNlLFwiSXNJdGFsaWNcIjpmYWxzZSxcIklzVW5kZXJsaW5lZFwiOmZhbHNlfSxcIkZvcmVncm91bmRcIjp7XCIkaWRcIjpcIjIwNFwiLFwiQ29sb3JcIjp7XCIkaWRcIjpcIjIwNVwiLFwiQVwiOjI1NSxcIlJcIjoxNjUsXCJHXCI6NDgsXCJCXCI6MTV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I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zLFwiR1wiOjI1MCxcIkJcIjoyMzd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CxcIkZvbnROYW1lXCI6XCJBcmlhbFwiLFwiSXNCb2xkXCI6dHJ1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OSxcIkZvbnROYW1lXCI6XCJBcmlhbFwiLFwiSXNCb2xkXCI6ZmFsc2UsXCJJc0l0YWxpY1wiOmZhbHNlLFwiSXNVbmRlcmxpbmVkXCI6ZmFsc2V9LFwiRm9yZWdyb3VuZFwiOntcIiRpZFwiOlwiMjIyXCIsXCJDb2xvclwiOntcIiRpZFwiOlwiMjIzXCIsXCJBXCI6MjU1LFwiUlwiOjk3LFwiR1wiOjEwNSxcIkJcIjo5MX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2LFwiU2hhcGVTaXplXCI6MS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yNTMsXCJHXCI6MjUwLFwiQlwiOjIzN319LFwiSXNWaXNpYmxlXCI6dHJ1ZSxcIldpZHRoXCI6MTguMCxcIkhlaWdodFwiOjIw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BcmlhbFwiLFwiSXNCb2xkXCI6ZmFsc2UsXCJJc0l0YWxpY1wiOmZhbHNlLFwiSXNVbmRlcmxpbmVkXCI6ZmFsc2V9LFwiRm9yZWdyb3VuZFwiOntcIiRpZFwiOlwiMjM5XCIsXCJDb2xvclwiOntcIiRpZFwiOlwiMjQwXCIsXCJBXCI6MjU1LFwiUlwiOjkyLFwiR1wiOjg1LFwiQlwiOjcz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MCxcIkdcIjo1MCxcIkJcIjo1MH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OTEsXCJHXCI6MTU1LFwiQlwiOjIxM3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xN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MyxcIkdcIjoyNTAsXCJCXCI6MjM3fSxcIkFjY2VudDJcIjp7XCIkaWRcIjpcIjI3NlwiLFwiQVwiOjI1NSxcIlJcIjo5NyxcIkdcIjoxMDUsXCJCXCI6OTF9LFwiQWNjZW50M1wiOntcIiRpZFwiOlwiMjc3XCIsXCJBXCI6MjU1LFwiUlwiOjI1MyxcIkdcIjoyNTAsXCJCXCI6MjM3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Y0NCIsIkltcGFPcHRpb25zIjp7IiRpZCI6IjE2ND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jQ2IiwiVXNlVGltZSI6ZmFsc2UsIldvcmtEYXlTdGFydCI6IjAwOjAwOjAwIiwiV29ya0RheUVuZCI6IjIzOjU5OjAwIn0sIkxhc3RVc2VkVGVtcGxhdGVJZCI6IjhhZmIwZmY1LTIxOTgtNDk1Mi05ZDY5LWNkZmU2OTJmNDQ5ZCIsIkxhc3RVc2VkVGhlbWVEZXRhaWxzIjp7IiRpZCI6IjE2NDciLCJJZCI6IjUyNmY0N2FiLTBlN2UtNDQ1ZC05MjcxLTE2NmI0MjM3YzBmNSIsIlRpdGxlIjoiVW50aXRsZWQgdGhlbWUiLCJDYXRlZ29yeSI6Mn0sIkZpcnN0V2Vla09mWWVhciI6MCwiUGxhY2VNaWxlc3RvbmVBdFRoZUJlZ2lubmluZ09mVGhlRGF5IjpmYWxzZSwiRGVwZW5kZW5jeVNjaGVkdWxpbmdTZXR0aW5ncyI6eyIkaWQiOiIxNjQ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w"/>
  <p:tag name="OTLTIMEBANDSCALETYPE" val="Weeks"/>
  <p:tag name="OTLTIMEBANDSHAPETYPE" val="EllipseTimeband"/>
  <p:tag name="OTLTIMEBANDSHAPEHEIGHT" val="30"/>
  <p:tag name="OTLTIMEBANDSHAPEPADDINGLEFT" val="13"/>
  <p:tag name="OTLTIMEBANDENDDATE" val="2025-03-31T23:59:00.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5-01-01T00:00:00.0000000Z"/>
  <p:tag name="OTLENDDATE" val="2025-01-31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5-02-01T00:00:00.0000000Z"/>
  <p:tag name="OTLENDDATE" val="2025-02-28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5-03-01T00:00:00.0000000Z"/>
  <p:tag name="OTLENDDATE" val="2025-03-31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1-03T00:00:00.0000000Z"/>
  <p:tag name="OTLENDDATE" val="2025-01-20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07T00:00:00.0000000Z"/>
  <p:tag name="OTLENDDATE" val="2025-02-16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3-07T00:00:00.0000000Z"/>
  <p:tag name="OTLENDDATE" val="2025-03-24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1-17T00:00:00.0000000Z"/>
  <p:tag name="OTLENDDATE" val="2025-02-02T23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23T00:00:00.0000000Z"/>
  <p:tag name="OTLENDDATE" val="2025-03-14T23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1-02T00:00:00.0000000Z"/>
  <p:tag name="OTLENDDATE" val="2025-01-23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02T00:00:00.0000000Z"/>
  <p:tag name="OTLENDDATE" val="2025-02-18T23:59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3-14T00:00:00.0000000Z"/>
  <p:tag name="OTLENDDATE" val="2025-03-29T23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1-18T00:00:00.0000000Z"/>
  <p:tag name="OTLENDDATE" val="2025-01-27T23:59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14T00:00:00.0000000Z"/>
  <p:tag name="OTLENDDATE" val="2025-02-24T23:59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28T00:00:00.0000000Z"/>
  <p:tag name="OTLENDDATE" val="2025-03-11T23:59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1-07T00:00:00.0000000Z"/>
  <p:tag name="OTLENDDATE" val="2025-01-20T23:59:00.0000000Z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03T00:00:00.0000000Z"/>
  <p:tag name="OTLENDDATE" val="2025-02-19T23:59:00.0000000Z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3-14T00:00:00.0000000Z"/>
  <p:tag name="OTLENDDATE" val="2025-03-28T23:59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Q1 Calendar"/>
  <p:tag name="OTLPOSITIONONTASK" val="None"/>
  <p:tag name="OTLRELATEDTASKID" val="00000000-0000-0000-0000-000000000000"/>
  <p:tag name="OTLWEEKNUMBERINGFORMAT" val="WNFormat1"/>
  <p:tag name="OTLWEEKNUMBERINGISVISIBLE" val="False"/>
  <p:tag name="OTLDATE" val="2025-01-01T23:59:00.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rove Q2 Calendar"/>
  <p:tag name="OTLPOSITIONONTASK" val="None"/>
  <p:tag name="OTLRELATEDTASKID" val="00000000-0000-0000-0000-000000000000"/>
  <p:tag name="OTLWEEKNUMBERINGFORMAT" val="WNFormat1"/>
  <p:tag name="OTLWEEKNUMBERINGISVISIBLE" val="False"/>
  <p:tag name="OTLDATE" val="2025-03-31T23:59:00.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9</Words>
  <Application>Microsoft Office PowerPoint</Application>
  <PresentationFormat>Widescreen</PresentationFormat>
  <Paragraphs>6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1-08T14:55:23Z</dcterms:created>
  <dcterms:modified xsi:type="dcterms:W3CDTF">2024-10-16T13:43:27Z</dcterms:modified>
</cp:coreProperties>
</file>